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G\55_保健医療データ活用事業\5560_基盤整備\NTTとの打合せ等\市町村事業評価支援用資料送付\掲載用\"/>
    </mc:Choice>
  </mc:AlternateContent>
  <bookViews>
    <workbookView xWindow="0" yWindow="0" windowWidth="19200" windowHeight="6490"/>
  </bookViews>
  <sheets>
    <sheet name=" 一人当たり調定額の推移" sheetId="1" r:id="rId1"/>
  </sheets>
  <externalReferences>
    <externalReference r:id="rId2"/>
  </externalReference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' 一人当たり調定額の推移'!$A$1:$Q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0" uniqueCount="61">
  <si>
    <t>２.　保険料・税（１）　調定額・基準総所得金額等の状況</t>
  </si>
  <si>
    <t>・一人当たり調定額の推移（現年分）</t>
    <rPh sb="1" eb="3">
      <t>ヒトリ</t>
    </rPh>
    <rPh sb="3" eb="4">
      <t>ア</t>
    </rPh>
    <rPh sb="6" eb="7">
      <t>チョウ</t>
    </rPh>
    <rPh sb="7" eb="8">
      <t>テイ</t>
    </rPh>
    <rPh sb="8" eb="9">
      <t>ガク</t>
    </rPh>
    <rPh sb="10" eb="12">
      <t>スイイ</t>
    </rPh>
    <rPh sb="13" eb="14">
      <t>ゲン</t>
    </rPh>
    <rPh sb="14" eb="15">
      <t>ネン</t>
    </rPh>
    <rPh sb="15" eb="16">
      <t>ブン</t>
    </rPh>
    <phoneticPr fontId="6"/>
  </si>
  <si>
    <t>保険者名</t>
  </si>
  <si>
    <t>28年度</t>
  </si>
  <si>
    <t>29年度</t>
    <phoneticPr fontId="6"/>
  </si>
  <si>
    <t>30年度</t>
  </si>
  <si>
    <t>元年度</t>
    <rPh sb="0" eb="1">
      <t>ガン</t>
    </rPh>
    <phoneticPr fontId="6"/>
  </si>
  <si>
    <t>2年度</t>
    <phoneticPr fontId="6"/>
  </si>
  <si>
    <t>調定額</t>
  </si>
  <si>
    <t>順</t>
  </si>
  <si>
    <t>27→28</t>
  </si>
  <si>
    <t>28→29</t>
  </si>
  <si>
    <t>29→30</t>
  </si>
  <si>
    <t>30→元</t>
    <rPh sb="3" eb="4">
      <t>ガン</t>
    </rPh>
    <phoneticPr fontId="6"/>
  </si>
  <si>
    <t>元→２</t>
    <rPh sb="0" eb="1">
      <t>ガン</t>
    </rPh>
    <phoneticPr fontId="6"/>
  </si>
  <si>
    <t>（円）</t>
  </si>
  <si>
    <t>位</t>
  </si>
  <si>
    <t>伸率%</t>
  </si>
  <si>
    <t>伸率%</t>
    <phoneticPr fontId="6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 師</t>
    <phoneticPr fontId="6"/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6"/>
  </si>
  <si>
    <t>県    平    均</t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_ ;[Red]\-#,##0\ "/>
    <numFmt numFmtId="177" formatCode="#,##0_);[Red]\(#,##0\)"/>
  </numFmts>
  <fonts count="1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9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6"/>
      <name val="ＭＳ Ｐ明朝"/>
      <family val="1"/>
      <charset val="128"/>
    </font>
    <font>
      <sz val="9"/>
      <color indexed="8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  <font>
      <sz val="9"/>
      <color rgb="FFCCECFF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color indexed="12"/>
      <name val="ＭＳ Ｐゴシック"/>
      <family val="3"/>
      <charset val="128"/>
    </font>
    <font>
      <sz val="11"/>
      <color indexed="12"/>
      <name val="ＭＳ Ｐゴシック"/>
      <family val="3"/>
      <charset val="128"/>
    </font>
    <font>
      <sz val="14"/>
      <name val="Terminal"/>
      <family val="3"/>
      <charset val="255"/>
    </font>
    <font>
      <sz val="9"/>
      <color indexed="57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37" fontId="14" fillId="0" borderId="0"/>
  </cellStyleXfs>
  <cellXfs count="90">
    <xf numFmtId="0" fontId="0" fillId="0" borderId="0" xfId="0"/>
    <xf numFmtId="38" fontId="2" fillId="0" borderId="0" xfId="1" applyFont="1" applyFill="1"/>
    <xf numFmtId="38" fontId="4" fillId="0" borderId="0" xfId="1" applyFont="1" applyFill="1"/>
    <xf numFmtId="38" fontId="4" fillId="0" borderId="0" xfId="1" applyNumberFormat="1" applyFont="1" applyFill="1"/>
    <xf numFmtId="38" fontId="5" fillId="0" borderId="0" xfId="1" quotePrefix="1" applyFont="1" applyFill="1" applyAlignment="1">
      <alignment horizontal="left" wrapText="1"/>
    </xf>
    <xf numFmtId="0" fontId="2" fillId="0" borderId="0" xfId="1" applyNumberFormat="1" applyFont="1" applyFill="1" applyBorder="1" applyAlignment="1"/>
    <xf numFmtId="38" fontId="5" fillId="0" borderId="0" xfId="1" applyFont="1" applyFill="1" applyBorder="1" applyAlignment="1">
      <alignment horizontal="center"/>
    </xf>
    <xf numFmtId="38" fontId="5" fillId="0" borderId="0" xfId="1" applyNumberFormat="1" applyFont="1" applyFill="1" applyBorder="1" applyAlignment="1">
      <alignment horizontal="center"/>
    </xf>
    <xf numFmtId="38" fontId="4" fillId="0" borderId="0" xfId="1" applyFont="1" applyFill="1" applyAlignment="1">
      <alignment horizontal="center"/>
    </xf>
    <xf numFmtId="38" fontId="4" fillId="0" borderId="1" xfId="1" applyFont="1" applyFill="1" applyBorder="1" applyAlignment="1">
      <alignment horizontal="distributed" vertical="center" justifyLastLine="1"/>
    </xf>
    <xf numFmtId="0" fontId="0" fillId="0" borderId="2" xfId="0" applyFill="1" applyBorder="1" applyAlignment="1">
      <alignment horizontal="distributed" vertical="center" justifyLastLine="1"/>
    </xf>
    <xf numFmtId="38" fontId="4" fillId="0" borderId="2" xfId="1" quotePrefix="1" applyFont="1" applyFill="1" applyBorder="1" applyAlignment="1">
      <alignment horizontal="distributed" vertical="center" justifyLastLine="1"/>
    </xf>
    <xf numFmtId="0" fontId="0" fillId="0" borderId="3" xfId="0" applyFill="1" applyBorder="1" applyAlignment="1">
      <alignment horizontal="distributed" vertical="center" justifyLastLine="1"/>
    </xf>
    <xf numFmtId="0" fontId="0" fillId="0" borderId="4" xfId="0" applyFill="1" applyBorder="1" applyAlignment="1">
      <alignment horizontal="distributed" vertical="center" justifyLastLine="1"/>
    </xf>
    <xf numFmtId="38" fontId="4" fillId="0" borderId="0" xfId="1" applyFont="1" applyFill="1" applyAlignment="1">
      <alignment horizontal="right"/>
    </xf>
    <xf numFmtId="0" fontId="0" fillId="0" borderId="5" xfId="0" applyFill="1" applyBorder="1" applyAlignment="1">
      <alignment horizontal="distributed" vertical="center" justifyLastLine="1"/>
    </xf>
    <xf numFmtId="0" fontId="0" fillId="0" borderId="6" xfId="0" applyFill="1" applyBorder="1" applyAlignment="1">
      <alignment horizontal="distributed" vertical="center" justifyLastLine="1"/>
    </xf>
    <xf numFmtId="38" fontId="4" fillId="0" borderId="7" xfId="1" quotePrefix="1" applyFont="1" applyFill="1" applyBorder="1" applyAlignment="1">
      <alignment horizontal="center"/>
    </xf>
    <xf numFmtId="38" fontId="7" fillId="0" borderId="7" xfId="1" applyFont="1" applyFill="1" applyBorder="1" applyAlignment="1">
      <alignment horizontal="center"/>
    </xf>
    <xf numFmtId="38" fontId="4" fillId="0" borderId="7" xfId="1" applyFont="1" applyFill="1" applyBorder="1" applyAlignment="1">
      <alignment horizontal="center"/>
    </xf>
    <xf numFmtId="38" fontId="4" fillId="0" borderId="7" xfId="1" quotePrefix="1" applyNumberFormat="1" applyFont="1" applyFill="1" applyBorder="1" applyAlignment="1">
      <alignment horizontal="center"/>
    </xf>
    <xf numFmtId="38" fontId="4" fillId="0" borderId="8" xfId="1" applyFont="1" applyFill="1" applyBorder="1" applyAlignment="1">
      <alignment horizontal="center"/>
    </xf>
    <xf numFmtId="38" fontId="4" fillId="0" borderId="9" xfId="1" quotePrefix="1" applyFont="1" applyFill="1" applyBorder="1" applyAlignment="1">
      <alignment horizontal="center"/>
    </xf>
    <xf numFmtId="38" fontId="4" fillId="0" borderId="10" xfId="1" applyFont="1" applyFill="1" applyBorder="1" applyAlignment="1">
      <alignment horizontal="center"/>
    </xf>
    <xf numFmtId="38" fontId="7" fillId="0" borderId="10" xfId="1" applyFont="1" applyFill="1" applyBorder="1" applyAlignment="1">
      <alignment horizontal="center"/>
    </xf>
    <xf numFmtId="38" fontId="4" fillId="0" borderId="10" xfId="1" applyNumberFormat="1" applyFont="1" applyFill="1" applyBorder="1" applyAlignment="1">
      <alignment horizontal="center"/>
    </xf>
    <xf numFmtId="38" fontId="4" fillId="0" borderId="11" xfId="1" applyFont="1" applyFill="1" applyBorder="1" applyAlignment="1">
      <alignment horizontal="center"/>
    </xf>
    <xf numFmtId="38" fontId="4" fillId="0" borderId="12" xfId="1" applyFont="1" applyFill="1" applyBorder="1" applyAlignment="1">
      <alignment horizontal="center"/>
    </xf>
    <xf numFmtId="38" fontId="4" fillId="0" borderId="0" xfId="1" applyFont="1" applyFill="1" applyBorder="1"/>
    <xf numFmtId="38" fontId="4" fillId="0" borderId="13" xfId="1" applyFont="1" applyFill="1" applyBorder="1"/>
    <xf numFmtId="38" fontId="8" fillId="0" borderId="6" xfId="1" applyFont="1" applyFill="1" applyBorder="1"/>
    <xf numFmtId="176" fontId="9" fillId="0" borderId="6" xfId="2" applyNumberFormat="1" applyFont="1" applyFill="1" applyBorder="1"/>
    <xf numFmtId="38" fontId="9" fillId="0" borderId="6" xfId="2" applyNumberFormat="1" applyFont="1" applyFill="1" applyBorder="1"/>
    <xf numFmtId="4" fontId="9" fillId="0" borderId="6" xfId="2" applyNumberFormat="1" applyFont="1" applyFill="1" applyBorder="1"/>
    <xf numFmtId="3" fontId="9" fillId="0" borderId="6" xfId="2" applyNumberFormat="1" applyFont="1" applyFill="1" applyBorder="1"/>
    <xf numFmtId="38" fontId="9" fillId="0" borderId="6" xfId="1" applyNumberFormat="1" applyFont="1" applyFill="1" applyBorder="1"/>
    <xf numFmtId="3" fontId="9" fillId="0" borderId="6" xfId="1" applyNumberFormat="1" applyFont="1" applyFill="1" applyBorder="1"/>
    <xf numFmtId="4" fontId="9" fillId="0" borderId="14" xfId="1" applyNumberFormat="1" applyFont="1" applyFill="1" applyBorder="1"/>
    <xf numFmtId="38" fontId="10" fillId="0" borderId="0" xfId="1" quotePrefix="1" applyFont="1" applyFill="1" applyBorder="1" applyAlignment="1" applyProtection="1">
      <alignment vertical="center"/>
    </xf>
    <xf numFmtId="38" fontId="10" fillId="0" borderId="0" xfId="1" applyFont="1" applyFill="1"/>
    <xf numFmtId="40" fontId="4" fillId="0" borderId="0" xfId="1" applyNumberFormat="1" applyFont="1" applyFill="1"/>
    <xf numFmtId="38" fontId="4" fillId="0" borderId="15" xfId="1" applyFont="1" applyFill="1" applyBorder="1"/>
    <xf numFmtId="38" fontId="11" fillId="0" borderId="0" xfId="1" applyFont="1" applyFill="1"/>
    <xf numFmtId="38" fontId="10" fillId="0" borderId="0" xfId="1" applyFont="1" applyFill="1" applyBorder="1" applyAlignment="1" applyProtection="1">
      <alignment vertical="center"/>
    </xf>
    <xf numFmtId="38" fontId="4" fillId="0" borderId="16" xfId="1" applyFont="1" applyFill="1" applyBorder="1"/>
    <xf numFmtId="38" fontId="8" fillId="0" borderId="17" xfId="1" applyFont="1" applyFill="1" applyBorder="1"/>
    <xf numFmtId="176" fontId="9" fillId="0" borderId="17" xfId="2" applyNumberFormat="1" applyFont="1" applyFill="1" applyBorder="1"/>
    <xf numFmtId="38" fontId="9" fillId="0" borderId="17" xfId="2" applyNumberFormat="1" applyFont="1" applyFill="1" applyBorder="1"/>
    <xf numFmtId="4" fontId="9" fillId="0" borderId="17" xfId="2" applyNumberFormat="1" applyFont="1" applyFill="1" applyBorder="1"/>
    <xf numFmtId="3" fontId="9" fillId="0" borderId="17" xfId="2" applyNumberFormat="1" applyFont="1" applyFill="1" applyBorder="1"/>
    <xf numFmtId="38" fontId="9" fillId="0" borderId="17" xfId="1" applyNumberFormat="1" applyFont="1" applyFill="1" applyBorder="1"/>
    <xf numFmtId="3" fontId="9" fillId="0" borderId="17" xfId="1" applyNumberFormat="1" applyFont="1" applyFill="1" applyBorder="1"/>
    <xf numFmtId="4" fontId="9" fillId="0" borderId="18" xfId="1" applyNumberFormat="1" applyFont="1" applyFill="1" applyBorder="1"/>
    <xf numFmtId="38" fontId="4" fillId="0" borderId="19" xfId="1" applyFont="1" applyFill="1" applyBorder="1"/>
    <xf numFmtId="38" fontId="8" fillId="0" borderId="20" xfId="1" applyFont="1" applyFill="1" applyBorder="1"/>
    <xf numFmtId="176" fontId="9" fillId="0" borderId="20" xfId="2" applyNumberFormat="1" applyFont="1" applyFill="1" applyBorder="1"/>
    <xf numFmtId="38" fontId="9" fillId="0" borderId="20" xfId="2" applyNumberFormat="1" applyFont="1" applyFill="1" applyBorder="1"/>
    <xf numFmtId="4" fontId="9" fillId="0" borderId="20" xfId="2" applyNumberFormat="1" applyFont="1" applyFill="1" applyBorder="1"/>
    <xf numFmtId="3" fontId="9" fillId="0" borderId="20" xfId="2" applyNumberFormat="1" applyFont="1" applyFill="1" applyBorder="1"/>
    <xf numFmtId="38" fontId="9" fillId="0" borderId="20" xfId="1" applyNumberFormat="1" applyFont="1" applyFill="1" applyBorder="1"/>
    <xf numFmtId="3" fontId="9" fillId="0" borderId="20" xfId="1" applyNumberFormat="1" applyFont="1" applyFill="1" applyBorder="1"/>
    <xf numFmtId="4" fontId="9" fillId="0" borderId="21" xfId="1" applyNumberFormat="1" applyFont="1" applyFill="1" applyBorder="1"/>
    <xf numFmtId="38" fontId="4" fillId="0" borderId="22" xfId="1" applyFont="1" applyFill="1" applyBorder="1" applyAlignment="1">
      <alignment horizontal="distributed" justifyLastLine="1"/>
    </xf>
    <xf numFmtId="38" fontId="4" fillId="0" borderId="23" xfId="1" applyFont="1" applyFill="1" applyBorder="1" applyAlignment="1">
      <alignment horizontal="distributed" justifyLastLine="1"/>
    </xf>
    <xf numFmtId="176" fontId="9" fillId="0" borderId="23" xfId="2" applyNumberFormat="1" applyFont="1" applyFill="1" applyBorder="1"/>
    <xf numFmtId="40" fontId="9" fillId="0" borderId="23" xfId="2" applyNumberFormat="1" applyFont="1" applyFill="1" applyBorder="1"/>
    <xf numFmtId="4" fontId="9" fillId="0" borderId="23" xfId="2" applyNumberFormat="1" applyFont="1" applyFill="1" applyBorder="1"/>
    <xf numFmtId="38" fontId="9" fillId="0" borderId="23" xfId="2" applyNumberFormat="1" applyFont="1" applyFill="1" applyBorder="1"/>
    <xf numFmtId="3" fontId="9" fillId="0" borderId="23" xfId="2" applyNumberFormat="1" applyFont="1" applyFill="1" applyBorder="1"/>
    <xf numFmtId="38" fontId="9" fillId="0" borderId="23" xfId="1" applyNumberFormat="1" applyFont="1" applyFill="1" applyBorder="1"/>
    <xf numFmtId="177" fontId="9" fillId="0" borderId="23" xfId="1" applyNumberFormat="1" applyFont="1" applyFill="1" applyBorder="1"/>
    <xf numFmtId="4" fontId="9" fillId="0" borderId="24" xfId="1" applyNumberFormat="1" applyFont="1" applyFill="1" applyBorder="1"/>
    <xf numFmtId="38" fontId="4" fillId="0" borderId="0" xfId="1" applyFont="1" applyFill="1" applyBorder="1" applyAlignment="1" applyProtection="1">
      <alignment vertical="center"/>
    </xf>
    <xf numFmtId="38" fontId="4" fillId="0" borderId="25" xfId="1" applyFont="1" applyFill="1" applyBorder="1" applyAlignment="1">
      <alignment horizontal="distributed" justifyLastLine="1"/>
    </xf>
    <xf numFmtId="38" fontId="4" fillId="0" borderId="26" xfId="1" applyFont="1" applyFill="1" applyBorder="1" applyAlignment="1">
      <alignment horizontal="distributed" justifyLastLine="1"/>
    </xf>
    <xf numFmtId="176" fontId="9" fillId="0" borderId="26" xfId="2" applyNumberFormat="1" applyFont="1" applyFill="1" applyBorder="1"/>
    <xf numFmtId="40" fontId="9" fillId="0" borderId="26" xfId="2" applyNumberFormat="1" applyFont="1" applyFill="1" applyBorder="1"/>
    <xf numFmtId="4" fontId="9" fillId="0" borderId="26" xfId="2" applyNumberFormat="1" applyFont="1" applyFill="1" applyBorder="1"/>
    <xf numFmtId="38" fontId="9" fillId="0" borderId="26" xfId="2" applyNumberFormat="1" applyFont="1" applyFill="1" applyBorder="1"/>
    <xf numFmtId="3" fontId="9" fillId="0" borderId="26" xfId="2" applyNumberFormat="1" applyFont="1" applyFill="1" applyBorder="1"/>
    <xf numFmtId="38" fontId="9" fillId="0" borderId="26" xfId="1" applyNumberFormat="1" applyFont="1" applyFill="1" applyBorder="1"/>
    <xf numFmtId="177" fontId="9" fillId="0" borderId="26" xfId="1" applyNumberFormat="1" applyFont="1" applyFill="1" applyBorder="1"/>
    <xf numFmtId="4" fontId="9" fillId="0" borderId="27" xfId="1" applyNumberFormat="1" applyFont="1" applyFill="1" applyBorder="1"/>
    <xf numFmtId="49" fontId="4" fillId="0" borderId="0" xfId="1" applyNumberFormat="1" applyFont="1" applyFill="1" applyBorder="1" applyAlignment="1">
      <alignment horizontal="left"/>
    </xf>
    <xf numFmtId="38" fontId="12" fillId="0" borderId="0" xfId="1" applyFont="1" applyFill="1"/>
    <xf numFmtId="38" fontId="13" fillId="0" borderId="0" xfId="1" applyFont="1" applyFill="1"/>
    <xf numFmtId="37" fontId="11" fillId="0" borderId="0" xfId="3" quotePrefix="1" applyFont="1" applyFill="1"/>
    <xf numFmtId="38" fontId="5" fillId="0" borderId="0" xfId="1" applyFont="1" applyFill="1" applyAlignment="1">
      <alignment horizontal="left"/>
    </xf>
    <xf numFmtId="38" fontId="15" fillId="0" borderId="0" xfId="1" applyFont="1" applyFill="1"/>
    <xf numFmtId="38" fontId="15" fillId="0" borderId="0" xfId="1" applyNumberFormat="1" applyFont="1" applyFill="1"/>
  </cellXfs>
  <cellStyles count="4">
    <cellStyle name="桁区切り" xfId="1" builtinId="6"/>
    <cellStyle name="桁区切り 2" xfId="2"/>
    <cellStyle name="標準" xfId="0" builtinId="0"/>
    <cellStyle name="標準_単独集計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2_&#20581;&#24247;&#12389;&#12367;&#12426;G/55_&#20445;&#20581;&#21307;&#30274;&#12487;&#12540;&#12479;&#27963;&#29992;&#20107;&#26989;/5560_&#22522;&#30436;&#25972;&#20633;/NTT&#12392;&#12398;&#25171;&#21512;&#12379;&#31561;/&#24066;&#30010;&#26449;&#20107;&#26989;&#35413;&#20385;&#25903;&#25588;&#29992;&#36039;&#26009;&#36865;&#20184;/&#20445;&#38522;&#26009;&#21454;&#32013;&#29575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人当たりの基準総所得額の推移"/>
      <sheetName val=" 一人当たり調定額の推移"/>
      <sheetName val="一世帯当たりの調定額の推移"/>
      <sheetName val="負担率の推移"/>
      <sheetName val="収納率の推移（現年分）"/>
      <sheetName val="収納率の推移（滞納繰越分）"/>
      <sheetName val="収納率の推移（現年分・滞納繰越分合計）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ntry="1"/>
  <dimension ref="A1:X54"/>
  <sheetViews>
    <sheetView tabSelected="1" zoomScaleNormal="100" zoomScaleSheetLayoutView="106" workbookViewId="0">
      <pane xSplit="2" ySplit="5" topLeftCell="C6" activePane="bottomRight" state="frozen"/>
      <selection pane="topRight" activeCell="C1" sqref="C1"/>
      <selection pane="bottomLeft" activeCell="A6" sqref="A6"/>
      <selection pane="bottomRight"/>
    </sheetView>
  </sheetViews>
  <sheetFormatPr defaultColWidth="9" defaultRowHeight="11" x14ac:dyDescent="0.2"/>
  <cols>
    <col min="1" max="1" width="3.6328125" style="2" customWidth="1"/>
    <col min="2" max="2" width="10" style="2" customWidth="1"/>
    <col min="3" max="3" width="7.90625" style="2" customWidth="1"/>
    <col min="4" max="4" width="3" style="2" customWidth="1"/>
    <col min="5" max="5" width="5.6328125" style="2" customWidth="1"/>
    <col min="6" max="6" width="7.90625" style="2" customWidth="1"/>
    <col min="7" max="7" width="3" style="2" customWidth="1"/>
    <col min="8" max="8" width="5.6328125" style="2" customWidth="1"/>
    <col min="9" max="9" width="8.90625" style="3" customWidth="1"/>
    <col min="10" max="10" width="3" style="3" customWidth="1"/>
    <col min="11" max="11" width="5.6328125" style="2" customWidth="1"/>
    <col min="12" max="12" width="8.90625" style="2" customWidth="1"/>
    <col min="13" max="13" width="3" style="2" customWidth="1"/>
    <col min="14" max="14" width="5.6328125" style="2" customWidth="1"/>
    <col min="15" max="15" width="8.90625" style="2" customWidth="1"/>
    <col min="16" max="16" width="3" style="2" customWidth="1"/>
    <col min="17" max="17" width="5.6328125" style="2" customWidth="1"/>
    <col min="18" max="19" width="3.90625" style="2" customWidth="1"/>
    <col min="20" max="20" width="16.08984375" style="2" customWidth="1"/>
    <col min="21" max="21" width="11.90625" style="2" customWidth="1"/>
    <col min="22" max="22" width="17.90625" style="2" customWidth="1"/>
    <col min="23" max="23" width="16" style="2" customWidth="1"/>
    <col min="24" max="24" width="10.453125" style="2" bestFit="1" customWidth="1"/>
    <col min="25" max="16384" width="9" style="2"/>
  </cols>
  <sheetData>
    <row r="1" spans="1:24" ht="15.75" customHeight="1" x14ac:dyDescent="0.2">
      <c r="A1" s="1" t="s">
        <v>0</v>
      </c>
      <c r="X1" s="4"/>
    </row>
    <row r="2" spans="1:24" ht="15.75" customHeight="1" thickBot="1" x14ac:dyDescent="0.25">
      <c r="B2" s="5" t="s">
        <v>1</v>
      </c>
      <c r="C2" s="6"/>
      <c r="D2" s="6"/>
      <c r="E2" s="6"/>
      <c r="F2" s="6"/>
      <c r="G2" s="6"/>
      <c r="H2" s="6"/>
      <c r="I2" s="7"/>
      <c r="J2" s="7"/>
      <c r="K2" s="6"/>
      <c r="L2" s="6"/>
      <c r="M2" s="6"/>
      <c r="N2" s="6"/>
      <c r="U2" s="8"/>
      <c r="V2" s="8"/>
      <c r="W2" s="8"/>
      <c r="X2" s="4"/>
    </row>
    <row r="3" spans="1:24" ht="15.75" customHeight="1" x14ac:dyDescent="0.2">
      <c r="A3" s="9" t="s">
        <v>2</v>
      </c>
      <c r="B3" s="10"/>
      <c r="C3" s="11" t="s">
        <v>3</v>
      </c>
      <c r="D3" s="10"/>
      <c r="E3" s="10"/>
      <c r="F3" s="11" t="s">
        <v>4</v>
      </c>
      <c r="G3" s="10"/>
      <c r="H3" s="10"/>
      <c r="I3" s="11" t="s">
        <v>5</v>
      </c>
      <c r="J3" s="10"/>
      <c r="K3" s="10"/>
      <c r="L3" s="11" t="s">
        <v>6</v>
      </c>
      <c r="M3" s="10"/>
      <c r="N3" s="12"/>
      <c r="O3" s="11" t="s">
        <v>7</v>
      </c>
      <c r="P3" s="10"/>
      <c r="Q3" s="13"/>
      <c r="T3" s="14"/>
      <c r="U3" s="14"/>
      <c r="V3" s="8"/>
      <c r="X3" s="4"/>
    </row>
    <row r="4" spans="1:24" ht="12.75" customHeight="1" x14ac:dyDescent="0.2">
      <c r="A4" s="15"/>
      <c r="B4" s="16"/>
      <c r="C4" s="17" t="s">
        <v>8</v>
      </c>
      <c r="D4" s="18" t="s">
        <v>9</v>
      </c>
      <c r="E4" s="17" t="s">
        <v>10</v>
      </c>
      <c r="F4" s="19" t="s">
        <v>8</v>
      </c>
      <c r="G4" s="18" t="s">
        <v>9</v>
      </c>
      <c r="H4" s="17" t="s">
        <v>11</v>
      </c>
      <c r="I4" s="20" t="s">
        <v>8</v>
      </c>
      <c r="J4" s="18" t="s">
        <v>9</v>
      </c>
      <c r="K4" s="17" t="s">
        <v>12</v>
      </c>
      <c r="L4" s="19" t="s">
        <v>8</v>
      </c>
      <c r="M4" s="18" t="s">
        <v>9</v>
      </c>
      <c r="N4" s="17" t="s">
        <v>13</v>
      </c>
      <c r="O4" s="21" t="s">
        <v>8</v>
      </c>
      <c r="P4" s="18" t="s">
        <v>9</v>
      </c>
      <c r="Q4" s="22" t="s">
        <v>14</v>
      </c>
      <c r="T4" s="14"/>
      <c r="V4" s="8"/>
      <c r="W4" s="14"/>
      <c r="X4" s="4"/>
    </row>
    <row r="5" spans="1:24" s="28" customFormat="1" ht="12.75" customHeight="1" x14ac:dyDescent="0.2">
      <c r="A5" s="15"/>
      <c r="B5" s="16"/>
      <c r="C5" s="23" t="s">
        <v>15</v>
      </c>
      <c r="D5" s="24" t="s">
        <v>16</v>
      </c>
      <c r="E5" s="23" t="s">
        <v>17</v>
      </c>
      <c r="F5" s="23" t="s">
        <v>15</v>
      </c>
      <c r="G5" s="24" t="s">
        <v>16</v>
      </c>
      <c r="H5" s="23" t="s">
        <v>18</v>
      </c>
      <c r="I5" s="25" t="s">
        <v>15</v>
      </c>
      <c r="J5" s="24" t="s">
        <v>16</v>
      </c>
      <c r="K5" s="23" t="s">
        <v>17</v>
      </c>
      <c r="L5" s="23" t="s">
        <v>15</v>
      </c>
      <c r="M5" s="24" t="s">
        <v>16</v>
      </c>
      <c r="N5" s="23" t="s">
        <v>18</v>
      </c>
      <c r="O5" s="26" t="s">
        <v>15</v>
      </c>
      <c r="P5" s="24" t="s">
        <v>16</v>
      </c>
      <c r="Q5" s="27" t="s">
        <v>18</v>
      </c>
    </row>
    <row r="6" spans="1:24" ht="20.149999999999999" customHeight="1" x14ac:dyDescent="0.2">
      <c r="A6" s="29">
        <v>1</v>
      </c>
      <c r="B6" s="30" t="s">
        <v>19</v>
      </c>
      <c r="C6" s="31">
        <v>101242</v>
      </c>
      <c r="D6" s="32">
        <v>17</v>
      </c>
      <c r="E6" s="33">
        <v>0.68</v>
      </c>
      <c r="F6" s="31">
        <v>101406</v>
      </c>
      <c r="G6" s="32">
        <v>17</v>
      </c>
      <c r="H6" s="33">
        <v>0.16</v>
      </c>
      <c r="I6" s="32">
        <v>106851</v>
      </c>
      <c r="J6" s="32">
        <v>3</v>
      </c>
      <c r="K6" s="33">
        <v>5.37</v>
      </c>
      <c r="L6" s="34">
        <v>108210</v>
      </c>
      <c r="M6" s="34">
        <v>4</v>
      </c>
      <c r="N6" s="33">
        <v>1.27</v>
      </c>
      <c r="O6" s="35">
        <v>108250</v>
      </c>
      <c r="P6" s="36">
        <v>4</v>
      </c>
      <c r="Q6" s="37">
        <v>0.04</v>
      </c>
      <c r="U6" s="38"/>
      <c r="V6" s="39"/>
      <c r="W6" s="39"/>
      <c r="X6" s="40"/>
    </row>
    <row r="7" spans="1:24" ht="20.149999999999999" customHeight="1" x14ac:dyDescent="0.2">
      <c r="A7" s="41">
        <v>2</v>
      </c>
      <c r="B7" s="30" t="s">
        <v>20</v>
      </c>
      <c r="C7" s="31">
        <v>108933</v>
      </c>
      <c r="D7" s="32">
        <v>4</v>
      </c>
      <c r="E7" s="33">
        <v>3.84</v>
      </c>
      <c r="F7" s="31">
        <v>111675</v>
      </c>
      <c r="G7" s="32">
        <v>2</v>
      </c>
      <c r="H7" s="33">
        <v>2.52</v>
      </c>
      <c r="I7" s="32">
        <v>114841</v>
      </c>
      <c r="J7" s="32">
        <v>2</v>
      </c>
      <c r="K7" s="33">
        <v>2.84</v>
      </c>
      <c r="L7" s="34">
        <v>116829</v>
      </c>
      <c r="M7" s="34">
        <v>1</v>
      </c>
      <c r="N7" s="33">
        <v>7.25</v>
      </c>
      <c r="O7" s="35">
        <v>116613</v>
      </c>
      <c r="P7" s="36">
        <v>1</v>
      </c>
      <c r="Q7" s="37">
        <v>4.42</v>
      </c>
      <c r="R7" s="42"/>
      <c r="U7" s="43"/>
      <c r="V7" s="39"/>
      <c r="W7" s="39"/>
      <c r="X7" s="40"/>
    </row>
    <row r="8" spans="1:24" ht="20.149999999999999" customHeight="1" x14ac:dyDescent="0.2">
      <c r="A8" s="41">
        <v>3</v>
      </c>
      <c r="B8" s="30" t="s">
        <v>21</v>
      </c>
      <c r="C8" s="31">
        <v>92267</v>
      </c>
      <c r="D8" s="32">
        <v>27</v>
      </c>
      <c r="E8" s="33">
        <v>-2</v>
      </c>
      <c r="F8" s="31">
        <v>96983</v>
      </c>
      <c r="G8" s="32">
        <v>22</v>
      </c>
      <c r="H8" s="33">
        <v>5.1100000000000003</v>
      </c>
      <c r="I8" s="32">
        <v>96003</v>
      </c>
      <c r="J8" s="32">
        <v>23</v>
      </c>
      <c r="K8" s="33">
        <v>-1.01</v>
      </c>
      <c r="L8" s="34">
        <v>95902</v>
      </c>
      <c r="M8" s="34">
        <v>27</v>
      </c>
      <c r="N8" s="33">
        <v>3.94</v>
      </c>
      <c r="O8" s="35">
        <v>94048</v>
      </c>
      <c r="P8" s="36">
        <v>27</v>
      </c>
      <c r="Q8" s="37">
        <v>-3.03</v>
      </c>
      <c r="U8" s="43"/>
      <c r="V8" s="39"/>
      <c r="W8" s="39"/>
      <c r="X8" s="40"/>
    </row>
    <row r="9" spans="1:24" ht="20.149999999999999" customHeight="1" x14ac:dyDescent="0.2">
      <c r="A9" s="41">
        <v>4</v>
      </c>
      <c r="B9" s="30" t="s">
        <v>22</v>
      </c>
      <c r="C9" s="31">
        <v>95831</v>
      </c>
      <c r="D9" s="32">
        <v>22</v>
      </c>
      <c r="E9" s="33">
        <v>5.28</v>
      </c>
      <c r="F9" s="31">
        <v>94211</v>
      </c>
      <c r="G9" s="32">
        <v>25</v>
      </c>
      <c r="H9" s="33">
        <v>-1.69</v>
      </c>
      <c r="I9" s="32">
        <v>96719</v>
      </c>
      <c r="J9" s="32">
        <v>22</v>
      </c>
      <c r="K9" s="33">
        <v>2.66</v>
      </c>
      <c r="L9" s="34">
        <v>100214</v>
      </c>
      <c r="M9" s="34">
        <v>19</v>
      </c>
      <c r="N9" s="33">
        <v>4.57</v>
      </c>
      <c r="O9" s="35">
        <v>101901</v>
      </c>
      <c r="P9" s="36">
        <v>14</v>
      </c>
      <c r="Q9" s="37">
        <v>8.16</v>
      </c>
      <c r="U9" s="43"/>
      <c r="V9" s="39"/>
      <c r="W9" s="39"/>
      <c r="X9" s="40"/>
    </row>
    <row r="10" spans="1:24" ht="20.149999999999999" customHeight="1" x14ac:dyDescent="0.2">
      <c r="A10" s="41">
        <v>5</v>
      </c>
      <c r="B10" s="30" t="s">
        <v>23</v>
      </c>
      <c r="C10" s="31">
        <v>101875</v>
      </c>
      <c r="D10" s="32">
        <v>15</v>
      </c>
      <c r="E10" s="33">
        <v>2.83</v>
      </c>
      <c r="F10" s="31">
        <v>100893</v>
      </c>
      <c r="G10" s="32">
        <v>18</v>
      </c>
      <c r="H10" s="33">
        <v>-0.96</v>
      </c>
      <c r="I10" s="32">
        <v>103633</v>
      </c>
      <c r="J10" s="32">
        <v>12</v>
      </c>
      <c r="K10" s="33">
        <v>2.72</v>
      </c>
      <c r="L10" s="34">
        <v>110063</v>
      </c>
      <c r="M10" s="34">
        <v>3</v>
      </c>
      <c r="N10" s="33">
        <v>8.0399999999999991</v>
      </c>
      <c r="O10" s="35">
        <v>109146</v>
      </c>
      <c r="P10" s="36">
        <v>2</v>
      </c>
      <c r="Q10" s="37">
        <v>8.18</v>
      </c>
      <c r="U10" s="43"/>
      <c r="V10" s="39"/>
      <c r="W10" s="39"/>
      <c r="X10" s="40"/>
    </row>
    <row r="11" spans="1:24" ht="20.149999999999999" customHeight="1" x14ac:dyDescent="0.2">
      <c r="A11" s="41">
        <v>6</v>
      </c>
      <c r="B11" s="30" t="s">
        <v>24</v>
      </c>
      <c r="C11" s="31">
        <v>106977</v>
      </c>
      <c r="D11" s="32">
        <v>7</v>
      </c>
      <c r="E11" s="33">
        <v>0.27</v>
      </c>
      <c r="F11" s="31">
        <v>103960</v>
      </c>
      <c r="G11" s="32">
        <v>11</v>
      </c>
      <c r="H11" s="33">
        <v>-2.82</v>
      </c>
      <c r="I11" s="32">
        <v>104937</v>
      </c>
      <c r="J11" s="32">
        <v>5</v>
      </c>
      <c r="K11" s="33">
        <v>0.94</v>
      </c>
      <c r="L11" s="34">
        <v>104936</v>
      </c>
      <c r="M11" s="34">
        <v>10</v>
      </c>
      <c r="N11" s="33">
        <v>-1.91</v>
      </c>
      <c r="O11" s="35">
        <v>103385</v>
      </c>
      <c r="P11" s="36">
        <v>12</v>
      </c>
      <c r="Q11" s="37">
        <v>-0.55000000000000004</v>
      </c>
      <c r="U11" s="43"/>
      <c r="V11" s="39"/>
      <c r="W11" s="39"/>
      <c r="X11" s="40"/>
    </row>
    <row r="12" spans="1:24" ht="20.149999999999999" customHeight="1" x14ac:dyDescent="0.2">
      <c r="A12" s="41">
        <v>7</v>
      </c>
      <c r="B12" s="30" t="s">
        <v>25</v>
      </c>
      <c r="C12" s="31">
        <v>102489</v>
      </c>
      <c r="D12" s="32">
        <v>12</v>
      </c>
      <c r="E12" s="33">
        <v>-0.28000000000000003</v>
      </c>
      <c r="F12" s="31">
        <v>101720</v>
      </c>
      <c r="G12" s="32">
        <v>15</v>
      </c>
      <c r="H12" s="33">
        <v>-0.75</v>
      </c>
      <c r="I12" s="32">
        <v>103949</v>
      </c>
      <c r="J12" s="32">
        <v>10</v>
      </c>
      <c r="K12" s="33">
        <v>2.19</v>
      </c>
      <c r="L12" s="34">
        <v>104901</v>
      </c>
      <c r="M12" s="34">
        <v>11</v>
      </c>
      <c r="N12" s="33">
        <v>2.35</v>
      </c>
      <c r="O12" s="35">
        <v>104694</v>
      </c>
      <c r="P12" s="36">
        <v>10</v>
      </c>
      <c r="Q12" s="37">
        <v>2.92</v>
      </c>
      <c r="U12" s="43"/>
      <c r="V12" s="39"/>
      <c r="W12" s="39"/>
      <c r="X12" s="40"/>
    </row>
    <row r="13" spans="1:24" ht="20.149999999999999" customHeight="1" x14ac:dyDescent="0.2">
      <c r="A13" s="41">
        <v>8</v>
      </c>
      <c r="B13" s="30" t="s">
        <v>26</v>
      </c>
      <c r="C13" s="31">
        <v>103331</v>
      </c>
      <c r="D13" s="32">
        <v>11</v>
      </c>
      <c r="E13" s="33">
        <v>2.62</v>
      </c>
      <c r="F13" s="31">
        <v>101506</v>
      </c>
      <c r="G13" s="32">
        <v>16</v>
      </c>
      <c r="H13" s="33">
        <v>-1.77</v>
      </c>
      <c r="I13" s="32">
        <v>101451</v>
      </c>
      <c r="J13" s="32">
        <v>16</v>
      </c>
      <c r="K13" s="33">
        <v>-0.05</v>
      </c>
      <c r="L13" s="34">
        <v>104488</v>
      </c>
      <c r="M13" s="34">
        <v>12</v>
      </c>
      <c r="N13" s="33">
        <v>1.1200000000000001</v>
      </c>
      <c r="O13" s="35">
        <v>106585</v>
      </c>
      <c r="P13" s="36">
        <v>7</v>
      </c>
      <c r="Q13" s="37">
        <v>5</v>
      </c>
      <c r="U13" s="43"/>
      <c r="V13" s="39"/>
      <c r="W13" s="39"/>
      <c r="X13" s="40"/>
    </row>
    <row r="14" spans="1:24" ht="20.149999999999999" customHeight="1" x14ac:dyDescent="0.2">
      <c r="A14" s="41">
        <v>9</v>
      </c>
      <c r="B14" s="30" t="s">
        <v>27</v>
      </c>
      <c r="C14" s="31">
        <v>97303</v>
      </c>
      <c r="D14" s="32">
        <v>20</v>
      </c>
      <c r="E14" s="33">
        <v>0.48</v>
      </c>
      <c r="F14" s="31">
        <v>95201</v>
      </c>
      <c r="G14" s="32">
        <v>24</v>
      </c>
      <c r="H14" s="33">
        <v>-2.16</v>
      </c>
      <c r="I14" s="32">
        <v>99484</v>
      </c>
      <c r="J14" s="32">
        <v>18</v>
      </c>
      <c r="K14" s="33">
        <v>4.5</v>
      </c>
      <c r="L14" s="34">
        <v>103916</v>
      </c>
      <c r="M14" s="34">
        <v>13</v>
      </c>
      <c r="N14" s="33">
        <v>6.8</v>
      </c>
      <c r="O14" s="35">
        <v>101862</v>
      </c>
      <c r="P14" s="36">
        <v>15</v>
      </c>
      <c r="Q14" s="37">
        <v>7</v>
      </c>
      <c r="U14" s="43"/>
      <c r="V14" s="39"/>
      <c r="W14" s="39"/>
      <c r="X14" s="40"/>
    </row>
    <row r="15" spans="1:24" ht="20.149999999999999" customHeight="1" x14ac:dyDescent="0.2">
      <c r="A15" s="41">
        <v>10</v>
      </c>
      <c r="B15" s="30" t="s">
        <v>28</v>
      </c>
      <c r="C15" s="31">
        <v>94748</v>
      </c>
      <c r="D15" s="32">
        <v>24</v>
      </c>
      <c r="E15" s="33">
        <v>2.42</v>
      </c>
      <c r="F15" s="31">
        <v>93540</v>
      </c>
      <c r="G15" s="32">
        <v>26</v>
      </c>
      <c r="H15" s="33">
        <v>-1.27</v>
      </c>
      <c r="I15" s="32">
        <v>98089</v>
      </c>
      <c r="J15" s="32">
        <v>20</v>
      </c>
      <c r="K15" s="33">
        <v>4.8600000000000003</v>
      </c>
      <c r="L15" s="34">
        <v>98398</v>
      </c>
      <c r="M15" s="34">
        <v>21</v>
      </c>
      <c r="N15" s="33">
        <v>3.85</v>
      </c>
      <c r="O15" s="35">
        <v>98110</v>
      </c>
      <c r="P15" s="36">
        <v>18</v>
      </c>
      <c r="Q15" s="37">
        <v>4.8899999999999997</v>
      </c>
      <c r="U15" s="43"/>
      <c r="V15" s="39"/>
      <c r="W15" s="39"/>
      <c r="X15" s="40"/>
    </row>
    <row r="16" spans="1:24" ht="20.149999999999999" customHeight="1" x14ac:dyDescent="0.2">
      <c r="A16" s="41">
        <v>11</v>
      </c>
      <c r="B16" s="30" t="s">
        <v>29</v>
      </c>
      <c r="C16" s="31">
        <v>108932</v>
      </c>
      <c r="D16" s="32">
        <v>5</v>
      </c>
      <c r="E16" s="33">
        <v>13.9</v>
      </c>
      <c r="F16" s="31">
        <v>108991</v>
      </c>
      <c r="G16" s="32">
        <v>3</v>
      </c>
      <c r="H16" s="33">
        <v>0.05</v>
      </c>
      <c r="I16" s="32">
        <v>115853</v>
      </c>
      <c r="J16" s="32">
        <v>1</v>
      </c>
      <c r="K16" s="33">
        <v>6.3</v>
      </c>
      <c r="L16" s="34">
        <v>114081</v>
      </c>
      <c r="M16" s="34">
        <v>2</v>
      </c>
      <c r="N16" s="33">
        <v>4.7300000000000004</v>
      </c>
      <c r="O16" s="35">
        <v>96649</v>
      </c>
      <c r="P16" s="36">
        <v>21</v>
      </c>
      <c r="Q16" s="37">
        <v>-11.32</v>
      </c>
      <c r="U16" s="43"/>
      <c r="V16" s="39"/>
      <c r="W16" s="39"/>
      <c r="X16" s="40"/>
    </row>
    <row r="17" spans="1:24" ht="20.149999999999999" customHeight="1" x14ac:dyDescent="0.2">
      <c r="A17" s="41">
        <v>12</v>
      </c>
      <c r="B17" s="30" t="s">
        <v>30</v>
      </c>
      <c r="C17" s="31">
        <v>88056</v>
      </c>
      <c r="D17" s="32">
        <v>31</v>
      </c>
      <c r="E17" s="33">
        <v>-1.26</v>
      </c>
      <c r="F17" s="31">
        <v>86936</v>
      </c>
      <c r="G17" s="32">
        <v>31</v>
      </c>
      <c r="H17" s="33">
        <v>-1.27</v>
      </c>
      <c r="I17" s="32">
        <v>86304</v>
      </c>
      <c r="J17" s="32">
        <v>32</v>
      </c>
      <c r="K17" s="33">
        <v>-0.73</v>
      </c>
      <c r="L17" s="34">
        <v>86210</v>
      </c>
      <c r="M17" s="34">
        <v>32</v>
      </c>
      <c r="N17" s="33">
        <v>-2.1</v>
      </c>
      <c r="O17" s="35">
        <v>92575</v>
      </c>
      <c r="P17" s="36">
        <v>29</v>
      </c>
      <c r="Q17" s="37">
        <v>6.49</v>
      </c>
      <c r="U17" s="43"/>
      <c r="V17" s="39"/>
      <c r="W17" s="39"/>
      <c r="X17" s="40"/>
    </row>
    <row r="18" spans="1:24" ht="20.149999999999999" customHeight="1" x14ac:dyDescent="0.2">
      <c r="A18" s="41">
        <v>13</v>
      </c>
      <c r="B18" s="30" t="s">
        <v>31</v>
      </c>
      <c r="C18" s="31">
        <v>102416</v>
      </c>
      <c r="D18" s="32">
        <v>13</v>
      </c>
      <c r="E18" s="33">
        <v>1.1399999999999999</v>
      </c>
      <c r="F18" s="31">
        <v>103095</v>
      </c>
      <c r="G18" s="32">
        <v>13</v>
      </c>
      <c r="H18" s="33">
        <v>0.66</v>
      </c>
      <c r="I18" s="32">
        <v>98942</v>
      </c>
      <c r="J18" s="32">
        <v>19</v>
      </c>
      <c r="K18" s="33">
        <v>-4.03</v>
      </c>
      <c r="L18" s="34">
        <v>100816</v>
      </c>
      <c r="M18" s="34">
        <v>17</v>
      </c>
      <c r="N18" s="33">
        <v>-1.56</v>
      </c>
      <c r="O18" s="35">
        <v>101916</v>
      </c>
      <c r="P18" s="36">
        <v>13</v>
      </c>
      <c r="Q18" s="37">
        <v>-1.1399999999999999</v>
      </c>
      <c r="U18" s="43"/>
      <c r="V18" s="39"/>
      <c r="W18" s="39"/>
      <c r="X18" s="40"/>
    </row>
    <row r="19" spans="1:24" ht="20.149999999999999" customHeight="1" x14ac:dyDescent="0.2">
      <c r="A19" s="41">
        <v>14</v>
      </c>
      <c r="B19" s="30" t="s">
        <v>32</v>
      </c>
      <c r="C19" s="31">
        <v>96546</v>
      </c>
      <c r="D19" s="32">
        <v>21</v>
      </c>
      <c r="E19" s="33">
        <v>0.05</v>
      </c>
      <c r="F19" s="31">
        <v>96034</v>
      </c>
      <c r="G19" s="32">
        <v>23</v>
      </c>
      <c r="H19" s="33">
        <v>-0.53</v>
      </c>
      <c r="I19" s="32">
        <v>95676</v>
      </c>
      <c r="J19" s="32">
        <v>24</v>
      </c>
      <c r="K19" s="33">
        <v>-0.37</v>
      </c>
      <c r="L19" s="34">
        <v>96630</v>
      </c>
      <c r="M19" s="34">
        <v>25</v>
      </c>
      <c r="N19" s="33">
        <v>0.09</v>
      </c>
      <c r="O19" s="35">
        <v>96319</v>
      </c>
      <c r="P19" s="36">
        <v>22</v>
      </c>
      <c r="Q19" s="37">
        <v>0.3</v>
      </c>
      <c r="U19" s="43"/>
      <c r="V19" s="39"/>
      <c r="W19" s="39"/>
      <c r="X19" s="40"/>
    </row>
    <row r="20" spans="1:24" ht="20.149999999999999" customHeight="1" x14ac:dyDescent="0.2">
      <c r="A20" s="41">
        <v>15</v>
      </c>
      <c r="B20" s="30" t="s">
        <v>33</v>
      </c>
      <c r="C20" s="31">
        <v>98047</v>
      </c>
      <c r="D20" s="32">
        <v>19</v>
      </c>
      <c r="E20" s="33">
        <v>-0.48</v>
      </c>
      <c r="F20" s="31">
        <v>98084</v>
      </c>
      <c r="G20" s="32">
        <v>20</v>
      </c>
      <c r="H20" s="33">
        <v>0.04</v>
      </c>
      <c r="I20" s="32">
        <v>97211</v>
      </c>
      <c r="J20" s="32">
        <v>21</v>
      </c>
      <c r="K20" s="33">
        <v>-0.89</v>
      </c>
      <c r="L20" s="34">
        <v>97591</v>
      </c>
      <c r="M20" s="34">
        <v>22</v>
      </c>
      <c r="N20" s="33">
        <v>-0.47</v>
      </c>
      <c r="O20" s="35">
        <v>99477</v>
      </c>
      <c r="P20" s="36">
        <v>17</v>
      </c>
      <c r="Q20" s="37">
        <v>1.42</v>
      </c>
      <c r="U20" s="43"/>
      <c r="V20" s="39"/>
      <c r="W20" s="39"/>
      <c r="X20" s="40"/>
    </row>
    <row r="21" spans="1:24" ht="20.149999999999999" customHeight="1" x14ac:dyDescent="0.2">
      <c r="A21" s="41">
        <v>16</v>
      </c>
      <c r="B21" s="30" t="s">
        <v>34</v>
      </c>
      <c r="C21" s="31">
        <v>91390</v>
      </c>
      <c r="D21" s="32">
        <v>28</v>
      </c>
      <c r="E21" s="33">
        <v>7.0000000000000007E-2</v>
      </c>
      <c r="F21" s="31">
        <v>90135</v>
      </c>
      <c r="G21" s="32">
        <v>30</v>
      </c>
      <c r="H21" s="33">
        <v>-1.37</v>
      </c>
      <c r="I21" s="32">
        <v>91998</v>
      </c>
      <c r="J21" s="32">
        <v>28</v>
      </c>
      <c r="K21" s="33">
        <v>2.0699999999999998</v>
      </c>
      <c r="L21" s="34">
        <v>91965</v>
      </c>
      <c r="M21" s="34">
        <v>29</v>
      </c>
      <c r="N21" s="33">
        <v>0.63</v>
      </c>
      <c r="O21" s="35">
        <v>97242</v>
      </c>
      <c r="P21" s="36">
        <v>19</v>
      </c>
      <c r="Q21" s="37">
        <v>7.88</v>
      </c>
      <c r="U21" s="43"/>
      <c r="V21" s="39"/>
      <c r="W21" s="39"/>
      <c r="X21" s="40"/>
    </row>
    <row r="22" spans="1:24" ht="20.149999999999999" customHeight="1" x14ac:dyDescent="0.2">
      <c r="A22" s="41">
        <v>17</v>
      </c>
      <c r="B22" s="30" t="s">
        <v>35</v>
      </c>
      <c r="C22" s="31">
        <v>86813</v>
      </c>
      <c r="D22" s="32">
        <v>33</v>
      </c>
      <c r="E22" s="33">
        <v>7.78</v>
      </c>
      <c r="F22" s="31">
        <v>84970</v>
      </c>
      <c r="G22" s="32">
        <v>33</v>
      </c>
      <c r="H22" s="33">
        <v>-2.12</v>
      </c>
      <c r="I22" s="32">
        <v>94864</v>
      </c>
      <c r="J22" s="32">
        <v>25</v>
      </c>
      <c r="K22" s="33">
        <v>11.64</v>
      </c>
      <c r="L22" s="34">
        <v>95986</v>
      </c>
      <c r="M22" s="34">
        <v>26</v>
      </c>
      <c r="N22" s="33">
        <v>10.57</v>
      </c>
      <c r="O22" s="35">
        <v>95219</v>
      </c>
      <c r="P22" s="36">
        <v>24</v>
      </c>
      <c r="Q22" s="37">
        <v>12.06</v>
      </c>
      <c r="U22" s="43"/>
      <c r="V22" s="39"/>
      <c r="W22" s="39"/>
      <c r="X22" s="40"/>
    </row>
    <row r="23" spans="1:24" ht="20.149999999999999" customHeight="1" x14ac:dyDescent="0.2">
      <c r="A23" s="41">
        <v>18</v>
      </c>
      <c r="B23" s="30" t="s">
        <v>36</v>
      </c>
      <c r="C23" s="31">
        <v>107898</v>
      </c>
      <c r="D23" s="32">
        <v>6</v>
      </c>
      <c r="E23" s="33">
        <v>-0.45</v>
      </c>
      <c r="F23" s="31">
        <v>108272</v>
      </c>
      <c r="G23" s="32">
        <v>4</v>
      </c>
      <c r="H23" s="33">
        <v>0.35</v>
      </c>
      <c r="I23" s="32">
        <v>102144</v>
      </c>
      <c r="J23" s="32">
        <v>14</v>
      </c>
      <c r="K23" s="33">
        <v>-5.66</v>
      </c>
      <c r="L23" s="34">
        <v>106924</v>
      </c>
      <c r="M23" s="34">
        <v>8</v>
      </c>
      <c r="N23" s="33">
        <v>-0.9</v>
      </c>
      <c r="O23" s="35">
        <v>106267</v>
      </c>
      <c r="P23" s="36">
        <v>8</v>
      </c>
      <c r="Q23" s="37">
        <v>-1.85</v>
      </c>
      <c r="U23" s="43"/>
      <c r="V23" s="39"/>
      <c r="W23" s="39"/>
      <c r="X23" s="40"/>
    </row>
    <row r="24" spans="1:24" ht="20.149999999999999" customHeight="1" x14ac:dyDescent="0.2">
      <c r="A24" s="41">
        <v>19</v>
      </c>
      <c r="B24" s="30" t="s">
        <v>37</v>
      </c>
      <c r="C24" s="31">
        <v>101571</v>
      </c>
      <c r="D24" s="32">
        <v>16</v>
      </c>
      <c r="E24" s="33">
        <v>1.35</v>
      </c>
      <c r="F24" s="31">
        <v>104106</v>
      </c>
      <c r="G24" s="32">
        <v>9</v>
      </c>
      <c r="H24" s="33">
        <v>2.5</v>
      </c>
      <c r="I24" s="32">
        <v>103945</v>
      </c>
      <c r="J24" s="32">
        <v>11</v>
      </c>
      <c r="K24" s="33">
        <v>-0.15</v>
      </c>
      <c r="L24" s="34">
        <v>100074</v>
      </c>
      <c r="M24" s="34">
        <v>20</v>
      </c>
      <c r="N24" s="33">
        <v>-1.47</v>
      </c>
      <c r="O24" s="35">
        <v>95047</v>
      </c>
      <c r="P24" s="36">
        <v>25</v>
      </c>
      <c r="Q24" s="37">
        <v>-8.6999999999999993</v>
      </c>
      <c r="U24" s="43"/>
      <c r="V24" s="39"/>
      <c r="W24" s="39"/>
      <c r="X24" s="40"/>
    </row>
    <row r="25" spans="1:24" ht="20.149999999999999" customHeight="1" x14ac:dyDescent="0.2">
      <c r="A25" s="41">
        <v>20</v>
      </c>
      <c r="B25" s="30" t="s">
        <v>38</v>
      </c>
      <c r="C25" s="31">
        <v>117019</v>
      </c>
      <c r="D25" s="32">
        <v>2</v>
      </c>
      <c r="E25" s="33">
        <v>3.43</v>
      </c>
      <c r="F25" s="31">
        <v>96999</v>
      </c>
      <c r="G25" s="32">
        <v>21</v>
      </c>
      <c r="H25" s="33">
        <v>-17.11</v>
      </c>
      <c r="I25" s="32">
        <v>92520</v>
      </c>
      <c r="J25" s="32">
        <v>27</v>
      </c>
      <c r="K25" s="33">
        <v>-4.62</v>
      </c>
      <c r="L25" s="34">
        <v>96930</v>
      </c>
      <c r="M25" s="34">
        <v>24</v>
      </c>
      <c r="N25" s="33">
        <v>-17.170000000000002</v>
      </c>
      <c r="O25" s="35">
        <v>101253</v>
      </c>
      <c r="P25" s="36">
        <v>16</v>
      </c>
      <c r="Q25" s="37">
        <v>4.3899999999999997</v>
      </c>
      <c r="U25" s="43"/>
      <c r="V25" s="39"/>
      <c r="W25" s="39"/>
      <c r="X25" s="40"/>
    </row>
    <row r="26" spans="1:24" ht="20.149999999999999" customHeight="1" x14ac:dyDescent="0.2">
      <c r="A26" s="41">
        <v>21</v>
      </c>
      <c r="B26" s="30" t="s">
        <v>39</v>
      </c>
      <c r="C26" s="31">
        <v>87952</v>
      </c>
      <c r="D26" s="32">
        <v>32</v>
      </c>
      <c r="E26" s="33">
        <v>-1.52</v>
      </c>
      <c r="F26" s="31">
        <v>86702</v>
      </c>
      <c r="G26" s="32">
        <v>32</v>
      </c>
      <c r="H26" s="33">
        <v>-1.42</v>
      </c>
      <c r="I26" s="32">
        <v>87075</v>
      </c>
      <c r="J26" s="32">
        <v>31</v>
      </c>
      <c r="K26" s="33">
        <v>0.43</v>
      </c>
      <c r="L26" s="34">
        <v>87112</v>
      </c>
      <c r="M26" s="34">
        <v>31</v>
      </c>
      <c r="N26" s="33">
        <v>-0.96</v>
      </c>
      <c r="O26" s="35">
        <v>86609</v>
      </c>
      <c r="P26" s="36">
        <v>31</v>
      </c>
      <c r="Q26" s="37">
        <v>-0.11</v>
      </c>
      <c r="U26" s="43"/>
      <c r="V26" s="39"/>
      <c r="W26" s="39"/>
      <c r="X26" s="40"/>
    </row>
    <row r="27" spans="1:24" ht="20.149999999999999" customHeight="1" x14ac:dyDescent="0.2">
      <c r="A27" s="41">
        <v>22</v>
      </c>
      <c r="B27" s="30" t="s">
        <v>40</v>
      </c>
      <c r="C27" s="31">
        <v>101884</v>
      </c>
      <c r="D27" s="32">
        <v>14</v>
      </c>
      <c r="E27" s="33">
        <v>0.76</v>
      </c>
      <c r="F27" s="31">
        <v>101988</v>
      </c>
      <c r="G27" s="32">
        <v>14</v>
      </c>
      <c r="H27" s="33">
        <v>0.1</v>
      </c>
      <c r="I27" s="32">
        <v>104934</v>
      </c>
      <c r="J27" s="32">
        <v>6</v>
      </c>
      <c r="K27" s="33">
        <v>2.89</v>
      </c>
      <c r="L27" s="34">
        <v>107218</v>
      </c>
      <c r="M27" s="34">
        <v>7</v>
      </c>
      <c r="N27" s="33">
        <v>5.24</v>
      </c>
      <c r="O27" s="35">
        <v>106914</v>
      </c>
      <c r="P27" s="36">
        <v>6</v>
      </c>
      <c r="Q27" s="37">
        <v>4.83</v>
      </c>
      <c r="U27" s="43"/>
      <c r="V27" s="39"/>
      <c r="W27" s="39"/>
      <c r="X27" s="40"/>
    </row>
    <row r="28" spans="1:24" ht="20.149999999999999" customHeight="1" x14ac:dyDescent="0.2">
      <c r="A28" s="41">
        <v>23</v>
      </c>
      <c r="B28" s="30" t="s">
        <v>41</v>
      </c>
      <c r="C28" s="31">
        <v>95480</v>
      </c>
      <c r="D28" s="32">
        <v>23</v>
      </c>
      <c r="E28" s="33">
        <v>-0.43</v>
      </c>
      <c r="F28" s="31">
        <v>103506</v>
      </c>
      <c r="G28" s="32">
        <v>12</v>
      </c>
      <c r="H28" s="33">
        <v>8.41</v>
      </c>
      <c r="I28" s="32">
        <v>102029</v>
      </c>
      <c r="J28" s="32">
        <v>15</v>
      </c>
      <c r="K28" s="33">
        <v>-1.43</v>
      </c>
      <c r="L28" s="34">
        <v>108198</v>
      </c>
      <c r="M28" s="34">
        <v>5</v>
      </c>
      <c r="N28" s="33">
        <v>13.32</v>
      </c>
      <c r="O28" s="35">
        <v>108527</v>
      </c>
      <c r="P28" s="36">
        <v>3</v>
      </c>
      <c r="Q28" s="37">
        <v>4.8499999999999996</v>
      </c>
      <c r="U28" s="43"/>
      <c r="V28" s="39"/>
      <c r="W28" s="39"/>
      <c r="X28" s="40"/>
    </row>
    <row r="29" spans="1:24" ht="20.149999999999999" customHeight="1" x14ac:dyDescent="0.2">
      <c r="A29" s="41">
        <v>24</v>
      </c>
      <c r="B29" s="30" t="s">
        <v>42</v>
      </c>
      <c r="C29" s="31">
        <v>94085</v>
      </c>
      <c r="D29" s="32">
        <v>25</v>
      </c>
      <c r="E29" s="33">
        <v>-2.0299999999999998</v>
      </c>
      <c r="F29" s="31">
        <v>92698</v>
      </c>
      <c r="G29" s="32">
        <v>27</v>
      </c>
      <c r="H29" s="33">
        <v>-1.47</v>
      </c>
      <c r="I29" s="32">
        <v>93909</v>
      </c>
      <c r="J29" s="32">
        <v>26</v>
      </c>
      <c r="K29" s="33">
        <v>1.31</v>
      </c>
      <c r="L29" s="34">
        <v>95162</v>
      </c>
      <c r="M29" s="34">
        <v>28</v>
      </c>
      <c r="N29" s="33">
        <v>1.1399999999999999</v>
      </c>
      <c r="O29" s="35">
        <v>94552</v>
      </c>
      <c r="P29" s="36">
        <v>26</v>
      </c>
      <c r="Q29" s="37">
        <v>2</v>
      </c>
      <c r="U29" s="43"/>
      <c r="V29" s="39"/>
      <c r="W29" s="39"/>
      <c r="X29" s="40"/>
    </row>
    <row r="30" spans="1:24" ht="20.149999999999999" customHeight="1" x14ac:dyDescent="0.2">
      <c r="A30" s="41">
        <v>25</v>
      </c>
      <c r="B30" s="30" t="s">
        <v>43</v>
      </c>
      <c r="C30" s="31">
        <v>98521</v>
      </c>
      <c r="D30" s="32">
        <v>18</v>
      </c>
      <c r="E30" s="33">
        <v>-3.04</v>
      </c>
      <c r="F30" s="31">
        <v>98589</v>
      </c>
      <c r="G30" s="32">
        <v>19</v>
      </c>
      <c r="H30" s="33">
        <v>7.0000000000000007E-2</v>
      </c>
      <c r="I30" s="32">
        <v>89914</v>
      </c>
      <c r="J30" s="32">
        <v>30</v>
      </c>
      <c r="K30" s="33">
        <v>-8.8000000000000007</v>
      </c>
      <c r="L30" s="34">
        <v>85936</v>
      </c>
      <c r="M30" s="34">
        <v>33</v>
      </c>
      <c r="N30" s="33">
        <v>-12.77</v>
      </c>
      <c r="O30" s="35">
        <v>72489</v>
      </c>
      <c r="P30" s="36">
        <v>33</v>
      </c>
      <c r="Q30" s="37">
        <v>-26.47</v>
      </c>
      <c r="U30" s="43"/>
      <c r="V30" s="39"/>
      <c r="W30" s="39"/>
      <c r="X30" s="40"/>
    </row>
    <row r="31" spans="1:24" ht="20.149999999999999" customHeight="1" x14ac:dyDescent="0.2">
      <c r="A31" s="41">
        <v>26</v>
      </c>
      <c r="B31" s="30" t="s">
        <v>44</v>
      </c>
      <c r="C31" s="31">
        <v>93919</v>
      </c>
      <c r="D31" s="32">
        <v>26</v>
      </c>
      <c r="E31" s="33">
        <v>-0.2</v>
      </c>
      <c r="F31" s="31">
        <v>106317</v>
      </c>
      <c r="G31" s="32">
        <v>6</v>
      </c>
      <c r="H31" s="33">
        <v>13.2</v>
      </c>
      <c r="I31" s="32">
        <v>106052</v>
      </c>
      <c r="J31" s="32">
        <v>4</v>
      </c>
      <c r="K31" s="33">
        <v>-0.25</v>
      </c>
      <c r="L31" s="34">
        <v>107911</v>
      </c>
      <c r="M31" s="34">
        <v>6</v>
      </c>
      <c r="N31" s="33">
        <v>14.9</v>
      </c>
      <c r="O31" s="35">
        <v>103881</v>
      </c>
      <c r="P31" s="36">
        <v>11</v>
      </c>
      <c r="Q31" s="37">
        <v>-2.29</v>
      </c>
      <c r="U31" s="43"/>
      <c r="V31" s="39"/>
      <c r="W31" s="39"/>
      <c r="X31" s="40"/>
    </row>
    <row r="32" spans="1:24" ht="20.149999999999999" customHeight="1" x14ac:dyDescent="0.2">
      <c r="A32" s="41">
        <v>27</v>
      </c>
      <c r="B32" s="30" t="s">
        <v>45</v>
      </c>
      <c r="C32" s="31">
        <v>105094</v>
      </c>
      <c r="D32" s="32">
        <v>8</v>
      </c>
      <c r="E32" s="33">
        <v>0.26</v>
      </c>
      <c r="F32" s="31">
        <v>105127</v>
      </c>
      <c r="G32" s="32">
        <v>8</v>
      </c>
      <c r="H32" s="33">
        <v>0.03</v>
      </c>
      <c r="I32" s="32">
        <v>104574</v>
      </c>
      <c r="J32" s="32">
        <v>7</v>
      </c>
      <c r="K32" s="33">
        <v>-0.53</v>
      </c>
      <c r="L32" s="34">
        <v>103482</v>
      </c>
      <c r="M32" s="34">
        <v>14</v>
      </c>
      <c r="N32" s="33">
        <v>-1.53</v>
      </c>
      <c r="O32" s="35">
        <v>107612</v>
      </c>
      <c r="P32" s="36">
        <v>5</v>
      </c>
      <c r="Q32" s="37">
        <v>2.36</v>
      </c>
      <c r="U32" s="43"/>
      <c r="V32" s="39"/>
      <c r="W32" s="39"/>
      <c r="X32" s="40"/>
    </row>
    <row r="33" spans="1:24" ht="20.149999999999999" customHeight="1" x14ac:dyDescent="0.2">
      <c r="A33" s="41">
        <v>28</v>
      </c>
      <c r="B33" s="30" t="s">
        <v>46</v>
      </c>
      <c r="C33" s="31">
        <v>104782</v>
      </c>
      <c r="D33" s="32">
        <v>10</v>
      </c>
      <c r="E33" s="33">
        <v>7.34</v>
      </c>
      <c r="F33" s="31">
        <v>104045</v>
      </c>
      <c r="G33" s="32">
        <v>10</v>
      </c>
      <c r="H33" s="33">
        <v>-0.7</v>
      </c>
      <c r="I33" s="32">
        <v>102762</v>
      </c>
      <c r="J33" s="32">
        <v>13</v>
      </c>
      <c r="K33" s="33">
        <v>-1.23</v>
      </c>
      <c r="L33" s="34">
        <v>105878</v>
      </c>
      <c r="M33" s="34">
        <v>9</v>
      </c>
      <c r="N33" s="33">
        <v>1.05</v>
      </c>
      <c r="O33" s="35">
        <v>105139</v>
      </c>
      <c r="P33" s="36">
        <v>9</v>
      </c>
      <c r="Q33" s="37">
        <v>1.05</v>
      </c>
      <c r="U33" s="43"/>
      <c r="V33" s="39"/>
      <c r="W33" s="39"/>
      <c r="X33" s="40"/>
    </row>
    <row r="34" spans="1:24" ht="20.149999999999999" customHeight="1" x14ac:dyDescent="0.2">
      <c r="A34" s="41">
        <v>29</v>
      </c>
      <c r="B34" s="30" t="s">
        <v>47</v>
      </c>
      <c r="C34" s="31">
        <v>104896</v>
      </c>
      <c r="D34" s="32">
        <v>9</v>
      </c>
      <c r="E34" s="33">
        <v>-1.44</v>
      </c>
      <c r="F34" s="31">
        <v>105897</v>
      </c>
      <c r="G34" s="32">
        <v>7</v>
      </c>
      <c r="H34" s="33">
        <v>0.95</v>
      </c>
      <c r="I34" s="32">
        <v>103973</v>
      </c>
      <c r="J34" s="32">
        <v>9</v>
      </c>
      <c r="K34" s="33">
        <v>-1.82</v>
      </c>
      <c r="L34" s="34">
        <v>103435</v>
      </c>
      <c r="M34" s="34">
        <v>15</v>
      </c>
      <c r="N34" s="33">
        <v>-1.39</v>
      </c>
      <c r="O34" s="35">
        <v>87646</v>
      </c>
      <c r="P34" s="36">
        <v>30</v>
      </c>
      <c r="Q34" s="37">
        <v>-17.23</v>
      </c>
      <c r="U34" s="43"/>
      <c r="V34" s="39"/>
      <c r="W34" s="39"/>
      <c r="X34" s="40"/>
    </row>
    <row r="35" spans="1:24" ht="20.149999999999999" customHeight="1" x14ac:dyDescent="0.2">
      <c r="A35" s="41">
        <v>30</v>
      </c>
      <c r="B35" s="30" t="s">
        <v>48</v>
      </c>
      <c r="C35" s="31">
        <v>111818</v>
      </c>
      <c r="D35" s="32">
        <v>3</v>
      </c>
      <c r="E35" s="33">
        <v>-1.28</v>
      </c>
      <c r="F35" s="31">
        <v>107795</v>
      </c>
      <c r="G35" s="32">
        <v>5</v>
      </c>
      <c r="H35" s="33">
        <v>-3.6</v>
      </c>
      <c r="I35" s="32">
        <v>104026</v>
      </c>
      <c r="J35" s="32">
        <v>8</v>
      </c>
      <c r="K35" s="33">
        <v>-3.5</v>
      </c>
      <c r="L35" s="34">
        <v>102800</v>
      </c>
      <c r="M35" s="34">
        <v>16</v>
      </c>
      <c r="N35" s="33">
        <v>-8.06</v>
      </c>
      <c r="O35" s="35">
        <v>96844</v>
      </c>
      <c r="P35" s="36">
        <v>20</v>
      </c>
      <c r="Q35" s="37">
        <v>-10.16</v>
      </c>
      <c r="U35" s="43"/>
      <c r="V35" s="39"/>
      <c r="W35" s="39"/>
      <c r="X35" s="40"/>
    </row>
    <row r="36" spans="1:24" ht="20.149999999999999" customHeight="1" x14ac:dyDescent="0.2">
      <c r="A36" s="41">
        <v>31</v>
      </c>
      <c r="B36" s="30" t="s">
        <v>49</v>
      </c>
      <c r="C36" s="31">
        <v>123629</v>
      </c>
      <c r="D36" s="32">
        <v>1</v>
      </c>
      <c r="E36" s="33">
        <v>-2.94</v>
      </c>
      <c r="F36" s="31">
        <v>117865</v>
      </c>
      <c r="G36" s="32">
        <v>1</v>
      </c>
      <c r="H36" s="33">
        <v>-4.66</v>
      </c>
      <c r="I36" s="32">
        <v>100953</v>
      </c>
      <c r="J36" s="32">
        <v>17</v>
      </c>
      <c r="K36" s="33">
        <v>-14.35</v>
      </c>
      <c r="L36" s="34">
        <v>100491</v>
      </c>
      <c r="M36" s="34">
        <v>18</v>
      </c>
      <c r="N36" s="33">
        <v>-18.72</v>
      </c>
      <c r="O36" s="35">
        <v>96298</v>
      </c>
      <c r="P36" s="36">
        <v>23</v>
      </c>
      <c r="Q36" s="37">
        <v>-18.3</v>
      </c>
      <c r="U36" s="43"/>
      <c r="V36" s="39"/>
      <c r="W36" s="39"/>
      <c r="X36" s="40"/>
    </row>
    <row r="37" spans="1:24" ht="20.149999999999999" customHeight="1" x14ac:dyDescent="0.2">
      <c r="A37" s="41">
        <v>32</v>
      </c>
      <c r="B37" s="30" t="s">
        <v>50</v>
      </c>
      <c r="C37" s="31">
        <v>91093</v>
      </c>
      <c r="D37" s="32">
        <v>29</v>
      </c>
      <c r="E37" s="33">
        <v>-1.86</v>
      </c>
      <c r="F37" s="31">
        <v>90921</v>
      </c>
      <c r="G37" s="32">
        <v>29</v>
      </c>
      <c r="H37" s="33">
        <v>-0.19</v>
      </c>
      <c r="I37" s="32">
        <v>91863</v>
      </c>
      <c r="J37" s="32">
        <v>29</v>
      </c>
      <c r="K37" s="33">
        <v>1.04</v>
      </c>
      <c r="L37" s="34">
        <v>97566</v>
      </c>
      <c r="M37" s="34">
        <v>23</v>
      </c>
      <c r="N37" s="33">
        <v>7.11</v>
      </c>
      <c r="O37" s="35">
        <v>92744</v>
      </c>
      <c r="P37" s="36">
        <v>28</v>
      </c>
      <c r="Q37" s="37">
        <v>2.0099999999999998</v>
      </c>
      <c r="U37" s="43"/>
      <c r="V37" s="39"/>
      <c r="W37" s="39"/>
      <c r="X37" s="40"/>
    </row>
    <row r="38" spans="1:24" ht="20.149999999999999" customHeight="1" thickBot="1" x14ac:dyDescent="0.25">
      <c r="A38" s="44">
        <v>33</v>
      </c>
      <c r="B38" s="45" t="s">
        <v>51</v>
      </c>
      <c r="C38" s="46">
        <v>89657</v>
      </c>
      <c r="D38" s="47">
        <v>30</v>
      </c>
      <c r="E38" s="48">
        <v>0.63</v>
      </c>
      <c r="F38" s="46">
        <v>92056</v>
      </c>
      <c r="G38" s="47">
        <v>28</v>
      </c>
      <c r="H38" s="48">
        <v>2.68</v>
      </c>
      <c r="I38" s="47">
        <v>86164</v>
      </c>
      <c r="J38" s="47">
        <v>33</v>
      </c>
      <c r="K38" s="48">
        <v>-6.4</v>
      </c>
      <c r="L38" s="49">
        <v>89057</v>
      </c>
      <c r="M38" s="49">
        <v>30</v>
      </c>
      <c r="N38" s="48">
        <v>-0.67</v>
      </c>
      <c r="O38" s="50">
        <v>82591</v>
      </c>
      <c r="P38" s="51">
        <v>32</v>
      </c>
      <c r="Q38" s="52">
        <v>-10.28</v>
      </c>
      <c r="U38" s="43"/>
      <c r="V38" s="39"/>
      <c r="W38" s="39"/>
      <c r="X38" s="40"/>
    </row>
    <row r="39" spans="1:24" ht="20.149999999999999" customHeight="1" thickTop="1" x14ac:dyDescent="0.2">
      <c r="A39" s="53">
        <v>301</v>
      </c>
      <c r="B39" s="54" t="s">
        <v>52</v>
      </c>
      <c r="C39" s="55">
        <v>190887</v>
      </c>
      <c r="D39" s="56">
        <v>3</v>
      </c>
      <c r="E39" s="57">
        <v>0.54</v>
      </c>
      <c r="F39" s="55">
        <v>251605</v>
      </c>
      <c r="G39" s="56">
        <v>2</v>
      </c>
      <c r="H39" s="57">
        <v>31.81</v>
      </c>
      <c r="I39" s="56">
        <v>253013</v>
      </c>
      <c r="J39" s="56">
        <v>2</v>
      </c>
      <c r="K39" s="57">
        <v>0.56000000000000005</v>
      </c>
      <c r="L39" s="58">
        <v>253336</v>
      </c>
      <c r="M39" s="58">
        <v>2</v>
      </c>
      <c r="N39" s="57">
        <v>0.13</v>
      </c>
      <c r="O39" s="59">
        <v>254735</v>
      </c>
      <c r="P39" s="60">
        <v>2</v>
      </c>
      <c r="Q39" s="61">
        <v>0.55000000000000004</v>
      </c>
      <c r="U39" s="43"/>
      <c r="V39" s="39"/>
      <c r="X39" s="40"/>
    </row>
    <row r="40" spans="1:24" ht="20.149999999999999" customHeight="1" x14ac:dyDescent="0.2">
      <c r="A40" s="41">
        <v>302</v>
      </c>
      <c r="B40" s="30" t="s">
        <v>53</v>
      </c>
      <c r="C40" s="31">
        <v>220391</v>
      </c>
      <c r="D40" s="32">
        <v>2</v>
      </c>
      <c r="E40" s="33">
        <v>7.16</v>
      </c>
      <c r="F40" s="31">
        <v>225619</v>
      </c>
      <c r="G40" s="32">
        <v>3</v>
      </c>
      <c r="H40" s="33">
        <v>2.37</v>
      </c>
      <c r="I40" s="32">
        <v>230397</v>
      </c>
      <c r="J40" s="32">
        <v>3</v>
      </c>
      <c r="K40" s="33">
        <v>2.12</v>
      </c>
      <c r="L40" s="34">
        <v>230857</v>
      </c>
      <c r="M40" s="34">
        <v>3</v>
      </c>
      <c r="N40" s="33">
        <v>0.2</v>
      </c>
      <c r="O40" s="35">
        <v>240405</v>
      </c>
      <c r="P40" s="36">
        <v>3</v>
      </c>
      <c r="Q40" s="37">
        <v>4.1399999999999997</v>
      </c>
      <c r="U40" s="43"/>
      <c r="V40" s="39"/>
      <c r="X40" s="40"/>
    </row>
    <row r="41" spans="1:24" ht="20.149999999999999" customHeight="1" x14ac:dyDescent="0.2">
      <c r="A41" s="41">
        <v>303</v>
      </c>
      <c r="B41" s="30" t="s">
        <v>54</v>
      </c>
      <c r="C41" s="31">
        <v>144173</v>
      </c>
      <c r="D41" s="32">
        <v>6</v>
      </c>
      <c r="E41" s="33">
        <v>14.59</v>
      </c>
      <c r="F41" s="31">
        <v>168551</v>
      </c>
      <c r="G41" s="32">
        <v>5</v>
      </c>
      <c r="H41" s="33">
        <v>16.91</v>
      </c>
      <c r="I41" s="32">
        <v>169158</v>
      </c>
      <c r="J41" s="32">
        <v>5</v>
      </c>
      <c r="K41" s="33">
        <v>0.36</v>
      </c>
      <c r="L41" s="34">
        <v>170046</v>
      </c>
      <c r="M41" s="34">
        <v>5</v>
      </c>
      <c r="N41" s="33">
        <v>0.52</v>
      </c>
      <c r="O41" s="35">
        <v>170577</v>
      </c>
      <c r="P41" s="36">
        <v>5</v>
      </c>
      <c r="Q41" s="37">
        <v>0.31</v>
      </c>
      <c r="U41" s="43"/>
      <c r="V41" s="39"/>
      <c r="X41" s="40"/>
    </row>
    <row r="42" spans="1:24" ht="20.149999999999999" customHeight="1" x14ac:dyDescent="0.2">
      <c r="A42" s="41">
        <v>304</v>
      </c>
      <c r="B42" s="30" t="s">
        <v>55</v>
      </c>
      <c r="C42" s="31">
        <v>254983</v>
      </c>
      <c r="D42" s="32">
        <v>1</v>
      </c>
      <c r="E42" s="33">
        <v>0.57999999999999996</v>
      </c>
      <c r="F42" s="31">
        <v>256233</v>
      </c>
      <c r="G42" s="32">
        <v>1</v>
      </c>
      <c r="H42" s="33">
        <v>0.49</v>
      </c>
      <c r="I42" s="32">
        <v>255984</v>
      </c>
      <c r="J42" s="32">
        <v>1</v>
      </c>
      <c r="K42" s="33">
        <v>-0.1</v>
      </c>
      <c r="L42" s="34">
        <v>257295</v>
      </c>
      <c r="M42" s="34">
        <v>1</v>
      </c>
      <c r="N42" s="33">
        <v>0.51</v>
      </c>
      <c r="O42" s="35">
        <v>258846</v>
      </c>
      <c r="P42" s="36">
        <v>1</v>
      </c>
      <c r="Q42" s="37">
        <v>0.6</v>
      </c>
      <c r="U42" s="43"/>
      <c r="V42" s="39"/>
      <c r="X42" s="40"/>
    </row>
    <row r="43" spans="1:24" ht="20.149999999999999" customHeight="1" x14ac:dyDescent="0.2">
      <c r="A43" s="41">
        <v>305</v>
      </c>
      <c r="B43" s="30" t="s">
        <v>56</v>
      </c>
      <c r="C43" s="31">
        <v>180733</v>
      </c>
      <c r="D43" s="32">
        <v>4</v>
      </c>
      <c r="E43" s="33">
        <v>0.73</v>
      </c>
      <c r="F43" s="31">
        <v>183400</v>
      </c>
      <c r="G43" s="32">
        <v>4</v>
      </c>
      <c r="H43" s="33">
        <v>1.48</v>
      </c>
      <c r="I43" s="32">
        <v>186384</v>
      </c>
      <c r="J43" s="32">
        <v>4</v>
      </c>
      <c r="K43" s="33">
        <v>1.63</v>
      </c>
      <c r="L43" s="34">
        <v>188080</v>
      </c>
      <c r="M43" s="34">
        <v>4</v>
      </c>
      <c r="N43" s="33">
        <v>0.91</v>
      </c>
      <c r="O43" s="35">
        <v>187304</v>
      </c>
      <c r="P43" s="36">
        <v>4</v>
      </c>
      <c r="Q43" s="37">
        <v>-0.41</v>
      </c>
      <c r="U43" s="43"/>
      <c r="V43" s="39"/>
      <c r="X43" s="40"/>
    </row>
    <row r="44" spans="1:24" ht="20.149999999999999" customHeight="1" thickBot="1" x14ac:dyDescent="0.25">
      <c r="A44" s="44">
        <v>306</v>
      </c>
      <c r="B44" s="45" t="s">
        <v>57</v>
      </c>
      <c r="C44" s="46">
        <v>153415</v>
      </c>
      <c r="D44" s="47">
        <v>5</v>
      </c>
      <c r="E44" s="48">
        <v>2.46</v>
      </c>
      <c r="F44" s="46">
        <v>160377</v>
      </c>
      <c r="G44" s="47">
        <v>6</v>
      </c>
      <c r="H44" s="48">
        <v>4.54</v>
      </c>
      <c r="I44" s="47">
        <v>164734</v>
      </c>
      <c r="J44" s="47">
        <v>6</v>
      </c>
      <c r="K44" s="48">
        <v>2.72</v>
      </c>
      <c r="L44" s="49">
        <v>169043</v>
      </c>
      <c r="M44" s="49">
        <v>6</v>
      </c>
      <c r="N44" s="48">
        <v>2.62</v>
      </c>
      <c r="O44" s="50">
        <v>122615</v>
      </c>
      <c r="P44" s="51">
        <v>6</v>
      </c>
      <c r="Q44" s="52">
        <v>-27.47</v>
      </c>
      <c r="U44" s="43"/>
      <c r="V44" s="39"/>
      <c r="X44" s="40"/>
    </row>
    <row r="45" spans="1:24" ht="20.149999999999999" customHeight="1" thickTop="1" thickBot="1" x14ac:dyDescent="0.25">
      <c r="A45" s="62" t="s">
        <v>58</v>
      </c>
      <c r="B45" s="63"/>
      <c r="C45" s="64">
        <v>100731</v>
      </c>
      <c r="D45" s="65"/>
      <c r="E45" s="66">
        <v>1.43</v>
      </c>
      <c r="F45" s="64">
        <v>100860</v>
      </c>
      <c r="G45" s="65"/>
      <c r="H45" s="66">
        <v>0.13</v>
      </c>
      <c r="I45" s="67">
        <v>103968</v>
      </c>
      <c r="J45" s="67"/>
      <c r="K45" s="66">
        <v>3.08</v>
      </c>
      <c r="L45" s="68">
        <v>105374</v>
      </c>
      <c r="M45" s="66"/>
      <c r="N45" s="66">
        <v>1.35</v>
      </c>
      <c r="O45" s="69">
        <v>105258</v>
      </c>
      <c r="P45" s="70"/>
      <c r="Q45" s="71">
        <v>-0.11</v>
      </c>
      <c r="U45" s="72"/>
      <c r="X45" s="40"/>
    </row>
    <row r="46" spans="1:24" ht="20.149999999999999" customHeight="1" thickTop="1" thickBot="1" x14ac:dyDescent="0.25">
      <c r="A46" s="62" t="s">
        <v>59</v>
      </c>
      <c r="B46" s="63"/>
      <c r="C46" s="64">
        <v>168255</v>
      </c>
      <c r="D46" s="65"/>
      <c r="E46" s="66">
        <v>4.29</v>
      </c>
      <c r="F46" s="64">
        <v>182012</v>
      </c>
      <c r="G46" s="65"/>
      <c r="H46" s="66">
        <v>8.18</v>
      </c>
      <c r="I46" s="67">
        <v>185677</v>
      </c>
      <c r="J46" s="67"/>
      <c r="K46" s="66">
        <v>2.0099999999999998</v>
      </c>
      <c r="L46" s="68">
        <v>188601</v>
      </c>
      <c r="M46" s="66"/>
      <c r="N46" s="66">
        <v>1.57</v>
      </c>
      <c r="O46" s="69">
        <v>162428</v>
      </c>
      <c r="P46" s="70"/>
      <c r="Q46" s="71">
        <v>-13.88</v>
      </c>
      <c r="U46" s="72"/>
      <c r="X46" s="40"/>
    </row>
    <row r="47" spans="1:24" ht="20.149999999999999" customHeight="1" thickTop="1" thickBot="1" x14ac:dyDescent="0.25">
      <c r="A47" s="73" t="s">
        <v>60</v>
      </c>
      <c r="B47" s="74"/>
      <c r="C47" s="75">
        <v>104995</v>
      </c>
      <c r="D47" s="76"/>
      <c r="E47" s="77">
        <v>1.7</v>
      </c>
      <c r="F47" s="75">
        <v>106165</v>
      </c>
      <c r="G47" s="76"/>
      <c r="H47" s="77">
        <v>1.1100000000000001</v>
      </c>
      <c r="I47" s="78">
        <v>109411</v>
      </c>
      <c r="J47" s="78"/>
      <c r="K47" s="77">
        <v>3.06</v>
      </c>
      <c r="L47" s="79">
        <v>111048</v>
      </c>
      <c r="M47" s="77"/>
      <c r="N47" s="77">
        <v>1.5</v>
      </c>
      <c r="O47" s="80">
        <v>109207</v>
      </c>
      <c r="P47" s="81"/>
      <c r="Q47" s="82">
        <v>-1.66</v>
      </c>
      <c r="U47" s="72"/>
      <c r="X47" s="40"/>
    </row>
    <row r="48" spans="1:24" ht="12.75" customHeight="1" x14ac:dyDescent="0.2">
      <c r="A48" s="83"/>
      <c r="B48" s="83"/>
      <c r="C48" s="83"/>
      <c r="D48" s="83"/>
      <c r="E48" s="83"/>
      <c r="F48" s="83"/>
      <c r="G48" s="83"/>
      <c r="H48" s="83"/>
      <c r="I48" s="83"/>
      <c r="J48" s="83"/>
      <c r="K48" s="83"/>
      <c r="L48" s="83"/>
      <c r="M48" s="83"/>
      <c r="N48" s="83"/>
      <c r="O48" s="83"/>
      <c r="P48" s="83"/>
      <c r="Q48" s="83"/>
    </row>
    <row r="49" spans="1:24" ht="13" x14ac:dyDescent="0.2">
      <c r="V49" s="84"/>
      <c r="W49" s="85"/>
    </row>
    <row r="50" spans="1:24" x14ac:dyDescent="0.2">
      <c r="A50" s="86"/>
      <c r="V50" s="84"/>
      <c r="W50" s="87"/>
    </row>
    <row r="52" spans="1:24" x14ac:dyDescent="0.2">
      <c r="C52" s="88"/>
      <c r="D52" s="88"/>
      <c r="E52" s="88"/>
      <c r="F52" s="88"/>
      <c r="G52" s="88"/>
      <c r="H52" s="88"/>
      <c r="I52" s="89"/>
      <c r="J52" s="89"/>
      <c r="K52" s="88"/>
      <c r="L52" s="88"/>
      <c r="M52" s="88"/>
      <c r="N52" s="88"/>
      <c r="O52" s="88"/>
      <c r="P52" s="88"/>
      <c r="Q52" s="88"/>
      <c r="R52" s="88"/>
      <c r="S52" s="88"/>
      <c r="T52" s="88"/>
      <c r="U52" s="88"/>
      <c r="V52" s="88"/>
      <c r="W52" s="88"/>
      <c r="X52" s="88"/>
    </row>
    <row r="53" spans="1:24" x14ac:dyDescent="0.2">
      <c r="C53" s="88"/>
      <c r="D53" s="88"/>
      <c r="E53" s="88"/>
      <c r="F53" s="88"/>
      <c r="G53" s="88"/>
      <c r="H53" s="88"/>
      <c r="I53" s="89"/>
      <c r="J53" s="89"/>
      <c r="K53" s="88"/>
      <c r="L53" s="88"/>
      <c r="M53" s="88"/>
      <c r="N53" s="88"/>
      <c r="O53" s="88"/>
      <c r="P53" s="88"/>
      <c r="Q53" s="88"/>
      <c r="R53" s="88"/>
      <c r="S53" s="88"/>
      <c r="T53" s="88"/>
      <c r="U53" s="88"/>
      <c r="V53" s="88"/>
      <c r="W53" s="88"/>
      <c r="X53" s="88"/>
    </row>
    <row r="54" spans="1:24" x14ac:dyDescent="0.2">
      <c r="C54" s="88"/>
      <c r="D54" s="88"/>
      <c r="E54" s="88"/>
      <c r="F54" s="88"/>
      <c r="G54" s="88"/>
      <c r="H54" s="88"/>
      <c r="I54" s="89"/>
      <c r="J54" s="89"/>
      <c r="K54" s="88"/>
      <c r="L54" s="88"/>
      <c r="M54" s="88"/>
      <c r="N54" s="88"/>
      <c r="O54" s="88"/>
      <c r="P54" s="88"/>
      <c r="Q54" s="88"/>
      <c r="R54" s="88"/>
      <c r="S54" s="88"/>
      <c r="T54" s="88"/>
      <c r="U54" s="88"/>
      <c r="V54" s="88"/>
      <c r="W54" s="88"/>
      <c r="X54" s="88"/>
    </row>
  </sheetData>
  <mergeCells count="11">
    <mergeCell ref="A45:B45"/>
    <mergeCell ref="A46:B46"/>
    <mergeCell ref="A47:B47"/>
    <mergeCell ref="A48:Q48"/>
    <mergeCell ref="X1:X4"/>
    <mergeCell ref="A3:B5"/>
    <mergeCell ref="C3:E3"/>
    <mergeCell ref="F3:H3"/>
    <mergeCell ref="I3:K3"/>
    <mergeCell ref="L3:N3"/>
    <mergeCell ref="O3:Q3"/>
  </mergeCells>
  <phoneticPr fontId="3"/>
  <printOptions horizontalCentered="1" gridLinesSet="0"/>
  <pageMargins left="0.59055118110236227" right="0.59055118110236227" top="0.59055118110236227" bottom="0.59055118110236227" header="0.19685039370078741" footer="0.4724409448818898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 一人当たり調定額の推移</vt:lpstr>
      <vt:lpstr>' 一人当たり調定額の推移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1-23T01:02:04Z</dcterms:created>
  <dcterms:modified xsi:type="dcterms:W3CDTF">2023-01-23T01:02:21Z</dcterms:modified>
</cp:coreProperties>
</file>